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3608D373-90DE-492E-B4A9-4DD9FB1BB255}" xr6:coauthVersionLast="36" xr6:coauthVersionMax="47" xr10:uidLastSave="{00000000-0000-0000-0000-000000000000}"/>
  <bookViews>
    <workbookView xWindow="1380" yWindow="2730" windowWidth="23670" windowHeight="12750" xr2:uid="{00000000-000D-0000-FFFF-FFFF00000000}"/>
  </bookViews>
  <sheets>
    <sheet name="DenkonKick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0" uniqueCount="12">
  <si>
    <t>ID</t>
  </si>
  <si>
    <t>RoomID</t>
  </si>
  <si>
    <t>OnOff</t>
  </si>
  <si>
    <t>Time</t>
  </si>
  <si>
    <t>Val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7847EC10-34E9-4DEB-8985-68FC84BF0FB5}" name="テーブル1" displayName="テーブル1" ref="A1:E11" totalsRowShown="0">
  <autoFilter ref="A1:E11" xr:uid="{AA29467F-19CA-4850-9A0A-4CE523F97A6A}"/>
  <tableColumns count="5">
    <tableColumn id="1" xr3:uid="{9DCE30BB-A8B3-4C27-A2AC-B31BCA1173DD}" name="ID"/>
    <tableColumn id="2" xr3:uid="{653AF995-1126-4490-BC5A-FD5DDF0E422A}" name="TERMINATOR"/>
    <tableColumn id="3" xr3:uid="{51564AB9-B9CA-4318-BF41-AD2A094B9FCD}" name="MAX_LENGTH"/>
    <tableColumn id="4" xr3:uid="{45A6EB25-A4BE-4AD3-9281-0ABE01CD01C6}" name="SOURCE"/>
    <tableColumn id="5" xr3:uid="{25898838-5806-4B2D-8A2B-04073CE5FA8D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2"/>
  <sheetViews>
    <sheetView tabSelected="1" workbookViewId="0">
      <selection activeCell="D11" sqref="D11"/>
    </sheetView>
  </sheetViews>
  <sheetFormatPr defaultRowHeight="18.75" x14ac:dyDescent="0.4"/>
  <cols>
    <col min="4" max="4" width="15.875" bestFit="1" customWidth="1"/>
  </cols>
  <sheetData>
    <row r="1" spans="1:5" x14ac:dyDescent="0.4">
      <c r="A1" s="2" t="s">
        <v>0</v>
      </c>
      <c r="B1" s="3" t="s">
        <v>1</v>
      </c>
      <c r="C1" s="2" t="s">
        <v>2</v>
      </c>
      <c r="D1" s="3" t="s">
        <v>3</v>
      </c>
      <c r="E1" s="2" t="s">
        <v>4</v>
      </c>
    </row>
    <row r="2" spans="1:5" x14ac:dyDescent="0.4">
      <c r="A2">
        <v>693</v>
      </c>
      <c r="B2">
        <v>6</v>
      </c>
      <c r="C2">
        <v>0</v>
      </c>
      <c r="D2" s="1">
        <v>40045.679166666669</v>
      </c>
      <c r="E2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11"/>
  <sheetViews>
    <sheetView workbookViewId="0">
      <selection sqref="A1:E11"/>
    </sheetView>
  </sheetViews>
  <sheetFormatPr defaultRowHeight="18.75" x14ac:dyDescent="0.4"/>
  <sheetData>
    <row r="1" spans="1:5" x14ac:dyDescent="0.4">
      <c r="A1" t="s">
        <v>5</v>
      </c>
      <c r="B1" t="s">
        <v>6</v>
      </c>
      <c r="C1" t="s">
        <v>7</v>
      </c>
      <c r="D1" t="s">
        <v>8</v>
      </c>
      <c r="E1" t="s">
        <v>9</v>
      </c>
    </row>
    <row r="2" spans="1:5" x14ac:dyDescent="0.4">
      <c r="A2">
        <v>1</v>
      </c>
      <c r="B2" s="4" t="s">
        <v>10</v>
      </c>
      <c r="C2">
        <v>12</v>
      </c>
      <c r="E2" s="4"/>
    </row>
    <row r="3" spans="1:5" x14ac:dyDescent="0.4">
      <c r="A3">
        <v>2</v>
      </c>
      <c r="B3" s="4" t="s">
        <v>10</v>
      </c>
      <c r="C3">
        <v>12</v>
      </c>
      <c r="E3" s="4"/>
    </row>
    <row r="4" spans="1:5" x14ac:dyDescent="0.4">
      <c r="A4">
        <v>3</v>
      </c>
      <c r="B4" s="4" t="s">
        <v>10</v>
      </c>
      <c r="C4">
        <v>12</v>
      </c>
      <c r="E4" s="4"/>
    </row>
    <row r="5" spans="1:5" x14ac:dyDescent="0.4">
      <c r="A5">
        <v>4</v>
      </c>
      <c r="B5" s="4" t="s">
        <v>10</v>
      </c>
      <c r="C5">
        <v>24</v>
      </c>
      <c r="E5" s="4"/>
    </row>
    <row r="6" spans="1:5" x14ac:dyDescent="0.4">
      <c r="A6">
        <v>5</v>
      </c>
      <c r="B6" s="4" t="s">
        <v>11</v>
      </c>
      <c r="C6">
        <v>12</v>
      </c>
      <c r="E6" s="4"/>
    </row>
    <row r="7" spans="1:5" x14ac:dyDescent="0.4">
      <c r="B7" s="4"/>
      <c r="D7">
        <v>1</v>
      </c>
      <c r="E7" s="4" t="s">
        <v>0</v>
      </c>
    </row>
    <row r="8" spans="1:5" x14ac:dyDescent="0.4">
      <c r="B8" s="4"/>
      <c r="D8">
        <v>2</v>
      </c>
      <c r="E8" s="4" t="s">
        <v>1</v>
      </c>
    </row>
    <row r="9" spans="1:5" x14ac:dyDescent="0.4">
      <c r="B9" s="4"/>
      <c r="D9">
        <v>3</v>
      </c>
      <c r="E9" s="4" t="s">
        <v>2</v>
      </c>
    </row>
    <row r="10" spans="1:5" x14ac:dyDescent="0.4">
      <c r="B10" s="4"/>
      <c r="D10">
        <v>4</v>
      </c>
      <c r="E10" s="4" t="s">
        <v>3</v>
      </c>
    </row>
    <row r="11" spans="1:5" x14ac:dyDescent="0.4">
      <c r="B11" s="4"/>
      <c r="D11">
        <v>5</v>
      </c>
      <c r="E11" s="4" t="s">
        <v>4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DenkonKick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44:32Z</dcterms:created>
  <dcterms:modified xsi:type="dcterms:W3CDTF">2024-02-26T04:41:06Z</dcterms:modified>
</cp:coreProperties>
</file>